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2" autoAdjust="0"/>
  </p:normalViewPr>
  <p:slideViewPr>
    <p:cSldViewPr snapToGrid="0" showGuides="1">
      <p:cViewPr varScale="1">
        <p:scale>
          <a:sx n="96" d="100"/>
          <a:sy n="96" d="100"/>
        </p:scale>
        <p:origin x="90" y="48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diagrams/_rels/drawing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sv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svg"/><Relationship Id="rId2" Type="http://schemas.openxmlformats.org/officeDocument/2006/relationships/image" Target="../media/image4.svg"/><Relationship Id="rId1" Type="http://schemas.openxmlformats.org/officeDocument/2006/relationships/image" Target="../media/image3.png"/><Relationship Id="rId6" Type="http://schemas.openxmlformats.org/officeDocument/2006/relationships/image" Target="../media/image8.sv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0" Type="http://schemas.openxmlformats.org/officeDocument/2006/relationships/image" Target="../media/image12.svg"/><Relationship Id="rId4" Type="http://schemas.openxmlformats.org/officeDocument/2006/relationships/image" Target="../media/image6.svg"/><Relationship Id="rId9" Type="http://schemas.openxmlformats.org/officeDocument/2006/relationships/image" Target="../media/image11.png"/></Relationships>
</file>

<file path=ppt/diagram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sv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image" Target="../media/image22.svg"/><Relationship Id="rId1" Type="http://schemas.openxmlformats.org/officeDocument/2006/relationships/image" Target="../media/image21.png"/><Relationship Id="rId6" Type="http://schemas.openxmlformats.org/officeDocument/2006/relationships/image" Target="../media/image26.svg"/><Relationship Id="rId5" Type="http://schemas.openxmlformats.org/officeDocument/2006/relationships/image" Target="../media/image25.png"/><Relationship Id="rId10" Type="http://schemas.openxmlformats.org/officeDocument/2006/relationships/image" Target="../media/image30.svg"/><Relationship Id="rId4" Type="http://schemas.openxmlformats.org/officeDocument/2006/relationships/image" Target="../media/image24.svg"/><Relationship Id="rId9" Type="http://schemas.openxmlformats.org/officeDocument/2006/relationships/image" Target="../media/image29.pn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5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219</Words>
  <Application>Microsoft Office PowerPoint</Application>
  <PresentationFormat>Widescreen</PresentationFormat>
  <Paragraphs>63</Paragraphs>
  <Slides>1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0" baseType="lpstr">
      <vt:lpstr>Arial</vt:lpstr>
      <vt:lpstr>Wingdings</vt:lpstr>
      <vt:lpstr>Blank</vt:lpstr>
      <vt:lpstr>Arbejdede med Business-case i lagerstyringsprojektet </vt:lpstr>
      <vt:lpstr>Erkendelse af behov. </vt:lpstr>
      <vt:lpstr>Finansieringsbehov.</vt:lpstr>
      <vt:lpstr>Udarbejdelse af projektgrundlag.</vt:lpstr>
      <vt:lpstr>Basis for business case. </vt:lpstr>
      <vt:lpstr>Forberedelse til udarbejdelse af business case.</vt:lpstr>
      <vt:lpstr>Indsamling af data til business casen.</vt:lpstr>
      <vt:lpstr>Gevinstkortlægning.</vt:lpstr>
      <vt:lpstr>Beregninger af besparelser til brug i BC ud fra gevinstkortlægning.</vt:lpstr>
      <vt:lpstr>Business Case.</vt:lpstr>
      <vt:lpstr>Projektomkostninger.</vt:lpstr>
      <vt:lpstr>Estimering af omkostningernes usikkerhed</vt:lpstr>
      <vt:lpstr>Økonomiske gevinster. </vt:lpstr>
      <vt:lpstr>Statusrapport. </vt:lpstr>
      <vt:lpstr>Opfølgning på business case i statusrapporten. </vt:lpstr>
      <vt:lpstr>Opsummering af Business case i sidste statusrapport, overblik over om de endelige udgifter har stemt overens med de i projektgrundlaget anførte udgifter. </vt:lpstr>
      <vt:lpstr>Business case skabelon indeholder opfølgningsark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5-20T18:46:40Z</dcterms:created>
  <dcterms:modified xsi:type="dcterms:W3CDTF">2023-05-25T13:45:4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4T06:37:46</vt:lpwstr>
  </property>
  <property fmtid="{D5CDD505-2E9C-101B-9397-08002B2CF9AE}" pid="3" name="TemplafyTenantId">
    <vt:lpwstr>sdu</vt:lpwstr>
  </property>
  <property fmtid="{D5CDD505-2E9C-101B-9397-08002B2CF9AE}" pid="4" name="TemplafyTemplateId">
    <vt:lpwstr>637925134655816945</vt:lpwstr>
  </property>
  <property fmtid="{D5CDD505-2E9C-101B-9397-08002B2CF9AE}" pid="5" name="TemplafyUserProfileId">
    <vt:lpwstr>63783042601635187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